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alsme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Lettertype, Graphics, logo, tekst&#10;&#10;Automatisch gegenereerde beschrijving">
            <a:extLst>
              <a:ext uri="{FF2B5EF4-FFF2-40B4-BE49-F238E27FC236}">
                <a16:creationId xmlns:a16="http://schemas.microsoft.com/office/drawing/2014/main" id="{4F3A31A2-B09B-3E6F-08F9-3CF261A2C9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7965" y="4755157"/>
            <a:ext cx="2823299" cy="190290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Lettertype, Graphics, logo, tekst&#10;&#10;Automatisch gegenereerde beschrijving">
            <a:extLst>
              <a:ext uri="{FF2B5EF4-FFF2-40B4-BE49-F238E27FC236}">
                <a16:creationId xmlns:a16="http://schemas.microsoft.com/office/drawing/2014/main" id="{6294127D-5148-D7A0-1832-A8B46136F4B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4185" y="4001565"/>
            <a:ext cx="1923360" cy="129634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18T14:51:39Z</dcterms:modified>
</cp:coreProperties>
</file>